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98"/>
  <workbookPr/>
  <mc:AlternateContent xmlns:mc="http://schemas.openxmlformats.org/markup-compatibility/2006">
    <mc:Choice Requires="x15">
      <x15ac:absPath xmlns:x15ac="http://schemas.microsoft.com/office/spreadsheetml/2010/11/ac" url="C:\Users\s174831\Desktop\"/>
    </mc:Choice>
  </mc:AlternateContent>
  <xr:revisionPtr revIDLastSave="0" documentId="13_ncr:1_{0E6BA1B0-5679-4A70-AC02-3A84F4FD7293}" xr6:coauthVersionLast="36" xr6:coauthVersionMax="36" xr10:uidLastSave="{00000000-0000-0000-0000-000000000000}"/>
  <bookViews>
    <workbookView xWindow="0" yWindow="0" windowWidth="20490" windowHeight="7455" xr2:uid="{00000000-000D-0000-FFFF-FFFF00000000}"/>
  </bookViews>
  <sheets>
    <sheet name="Sheet2" sheetId="2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" uniqueCount="3">
  <si>
    <t>チーム観戦証</t>
    <phoneticPr fontId="1"/>
  </si>
  <si>
    <t>兵庫県高体連バレーボール部</t>
    <rPh sb="0" eb="3">
      <t>ヒョウゴケン</t>
    </rPh>
    <rPh sb="3" eb="6">
      <t>コウタイレン</t>
    </rPh>
    <rPh sb="12" eb="13">
      <t>ブ</t>
    </rPh>
    <phoneticPr fontId="1"/>
  </si>
  <si>
    <t>高等学校</t>
    <rPh sb="0" eb="2">
      <t>コウトウ</t>
    </rPh>
    <rPh sb="2" eb="4">
      <t>ガッコ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</borders>
  <cellStyleXfs count="1">
    <xf numFmtId="0" fontId="0" fillId="0" borderId="0">
      <alignment vertical="center"/>
    </xf>
  </cellStyleXfs>
  <cellXfs count="19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4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62"/>
  <sheetViews>
    <sheetView tabSelected="1" workbookViewId="0">
      <selection activeCell="G51" sqref="G51:H52"/>
    </sheetView>
  </sheetViews>
  <sheetFormatPr defaultRowHeight="13.5" x14ac:dyDescent="0.15"/>
  <cols>
    <col min="1" max="12" width="10.625" customWidth="1"/>
  </cols>
  <sheetData>
    <row r="1" spans="1:12" ht="17.100000000000001" customHeight="1" x14ac:dyDescent="0.15">
      <c r="A1" s="1"/>
      <c r="B1" s="2"/>
      <c r="C1" s="2"/>
      <c r="D1" s="3"/>
      <c r="E1" s="1"/>
      <c r="F1" s="2"/>
      <c r="G1" s="2"/>
      <c r="H1" s="3"/>
      <c r="I1" s="1"/>
      <c r="J1" s="2"/>
      <c r="K1" s="2"/>
      <c r="L1" s="3"/>
    </row>
    <row r="2" spans="1:12" ht="17.100000000000001" customHeight="1" x14ac:dyDescent="0.15">
      <c r="A2" s="7" t="s">
        <v>1</v>
      </c>
      <c r="B2" s="8"/>
      <c r="C2" s="8"/>
      <c r="D2" s="9"/>
      <c r="E2" s="7" t="s">
        <v>1</v>
      </c>
      <c r="F2" s="8"/>
      <c r="G2" s="8"/>
      <c r="H2" s="9"/>
      <c r="I2" s="7" t="s">
        <v>1</v>
      </c>
      <c r="J2" s="8"/>
      <c r="K2" s="8"/>
      <c r="L2" s="9"/>
    </row>
    <row r="3" spans="1:12" ht="17.100000000000001" customHeight="1" x14ac:dyDescent="0.15">
      <c r="A3" s="7"/>
      <c r="B3" s="8"/>
      <c r="C3" s="8"/>
      <c r="D3" s="9"/>
      <c r="E3" s="7"/>
      <c r="F3" s="8"/>
      <c r="G3" s="8"/>
      <c r="H3" s="9"/>
      <c r="I3" s="7"/>
      <c r="J3" s="8"/>
      <c r="K3" s="8"/>
      <c r="L3" s="9"/>
    </row>
    <row r="4" spans="1:12" ht="17.100000000000001" customHeight="1" x14ac:dyDescent="0.15">
      <c r="A4" s="10" t="s">
        <v>2</v>
      </c>
      <c r="B4" s="17"/>
      <c r="C4" s="17"/>
      <c r="D4" s="12"/>
      <c r="E4" s="10" t="s">
        <v>2</v>
      </c>
      <c r="F4" s="17"/>
      <c r="G4" s="17"/>
      <c r="H4" s="12"/>
      <c r="I4" s="10" t="s">
        <v>2</v>
      </c>
      <c r="J4" s="17"/>
      <c r="K4" s="17"/>
      <c r="L4" s="12"/>
    </row>
    <row r="5" spans="1:12" ht="17.100000000000001" customHeight="1" x14ac:dyDescent="0.15">
      <c r="A5" s="10"/>
      <c r="B5" s="17"/>
      <c r="C5" s="17"/>
      <c r="D5" s="12"/>
      <c r="E5" s="10"/>
      <c r="F5" s="17"/>
      <c r="G5" s="17"/>
      <c r="H5" s="12"/>
      <c r="I5" s="10"/>
      <c r="J5" s="17"/>
      <c r="K5" s="17"/>
      <c r="L5" s="12"/>
    </row>
    <row r="6" spans="1:12" ht="17.100000000000001" customHeight="1" x14ac:dyDescent="0.15">
      <c r="A6" s="10"/>
      <c r="B6" s="17"/>
      <c r="C6" s="17"/>
      <c r="D6" s="12"/>
      <c r="E6" s="10"/>
      <c r="F6" s="17"/>
      <c r="G6" s="17"/>
      <c r="H6" s="12"/>
      <c r="I6" s="10"/>
      <c r="J6" s="17"/>
      <c r="K6" s="17"/>
      <c r="L6" s="12"/>
    </row>
    <row r="7" spans="1:12" ht="17.100000000000001" customHeight="1" x14ac:dyDescent="0.15">
      <c r="A7" s="10" t="s">
        <v>0</v>
      </c>
      <c r="B7" s="11"/>
      <c r="C7" s="11"/>
      <c r="D7" s="12"/>
      <c r="E7" s="10" t="s">
        <v>0</v>
      </c>
      <c r="F7" s="11"/>
      <c r="G7" s="11"/>
      <c r="H7" s="12"/>
      <c r="I7" s="10" t="s">
        <v>0</v>
      </c>
      <c r="J7" s="11"/>
      <c r="K7" s="11"/>
      <c r="L7" s="12"/>
    </row>
    <row r="8" spans="1:12" ht="17.100000000000001" customHeight="1" x14ac:dyDescent="0.15">
      <c r="A8" s="10"/>
      <c r="B8" s="11"/>
      <c r="C8" s="11"/>
      <c r="D8" s="12"/>
      <c r="E8" s="10"/>
      <c r="F8" s="11"/>
      <c r="G8" s="11"/>
      <c r="H8" s="12"/>
      <c r="I8" s="10"/>
      <c r="J8" s="11"/>
      <c r="K8" s="11"/>
      <c r="L8" s="12"/>
    </row>
    <row r="9" spans="1:12" ht="17.100000000000001" customHeight="1" x14ac:dyDescent="0.15">
      <c r="A9" s="4"/>
      <c r="C9" s="13"/>
      <c r="D9" s="14"/>
      <c r="E9" s="4"/>
      <c r="G9" s="13"/>
      <c r="H9" s="14"/>
      <c r="I9" s="4"/>
      <c r="K9" s="13"/>
      <c r="L9" s="14"/>
    </row>
    <row r="10" spans="1:12" ht="17.100000000000001" customHeight="1" x14ac:dyDescent="0.15">
      <c r="A10" s="5"/>
      <c r="B10" s="6"/>
      <c r="C10" s="15"/>
      <c r="D10" s="16"/>
      <c r="E10" s="5"/>
      <c r="F10" s="6"/>
      <c r="G10" s="15"/>
      <c r="H10" s="16"/>
      <c r="I10" s="5"/>
      <c r="J10" s="6"/>
      <c r="K10" s="15"/>
      <c r="L10" s="16"/>
    </row>
    <row r="11" spans="1:12" ht="17.100000000000001" customHeight="1" x14ac:dyDescent="0.15">
      <c r="A11" s="1"/>
      <c r="B11" s="2"/>
      <c r="C11" s="2"/>
      <c r="D11" s="3"/>
      <c r="E11" s="1"/>
      <c r="F11" s="2"/>
      <c r="G11" s="2"/>
      <c r="H11" s="3"/>
      <c r="I11" s="1"/>
      <c r="J11" s="2"/>
      <c r="K11" s="2"/>
      <c r="L11" s="3"/>
    </row>
    <row r="12" spans="1:12" ht="17.100000000000001" customHeight="1" x14ac:dyDescent="0.15">
      <c r="A12" s="7" t="s">
        <v>1</v>
      </c>
      <c r="B12" s="8"/>
      <c r="C12" s="8"/>
      <c r="D12" s="9"/>
      <c r="E12" s="7" t="s">
        <v>1</v>
      </c>
      <c r="F12" s="8"/>
      <c r="G12" s="8"/>
      <c r="H12" s="9"/>
      <c r="I12" s="7" t="s">
        <v>1</v>
      </c>
      <c r="J12" s="8"/>
      <c r="K12" s="8"/>
      <c r="L12" s="9"/>
    </row>
    <row r="13" spans="1:12" ht="17.100000000000001" customHeight="1" x14ac:dyDescent="0.15">
      <c r="A13" s="7"/>
      <c r="B13" s="8"/>
      <c r="C13" s="8"/>
      <c r="D13" s="9"/>
      <c r="E13" s="7"/>
      <c r="F13" s="8"/>
      <c r="G13" s="8"/>
      <c r="H13" s="9"/>
      <c r="I13" s="7"/>
      <c r="J13" s="8"/>
      <c r="K13" s="8"/>
      <c r="L13" s="9"/>
    </row>
    <row r="14" spans="1:12" ht="17.100000000000001" customHeight="1" x14ac:dyDescent="0.15">
      <c r="A14" s="10" t="s">
        <v>2</v>
      </c>
      <c r="B14" s="17"/>
      <c r="C14" s="17"/>
      <c r="D14" s="12"/>
      <c r="E14" s="10" t="s">
        <v>2</v>
      </c>
      <c r="F14" s="17"/>
      <c r="G14" s="17"/>
      <c r="H14" s="12"/>
      <c r="I14" s="10" t="s">
        <v>2</v>
      </c>
      <c r="J14" s="17"/>
      <c r="K14" s="17"/>
      <c r="L14" s="12"/>
    </row>
    <row r="15" spans="1:12" ht="17.100000000000001" customHeight="1" x14ac:dyDescent="0.15">
      <c r="A15" s="10"/>
      <c r="B15" s="17"/>
      <c r="C15" s="17"/>
      <c r="D15" s="12"/>
      <c r="E15" s="10"/>
      <c r="F15" s="17"/>
      <c r="G15" s="17"/>
      <c r="H15" s="12"/>
      <c r="I15" s="10"/>
      <c r="J15" s="17"/>
      <c r="K15" s="17"/>
      <c r="L15" s="12"/>
    </row>
    <row r="16" spans="1:12" ht="17.100000000000001" customHeight="1" x14ac:dyDescent="0.15">
      <c r="A16" s="10"/>
      <c r="B16" s="17"/>
      <c r="C16" s="17"/>
      <c r="D16" s="12"/>
      <c r="E16" s="10"/>
      <c r="F16" s="17"/>
      <c r="G16" s="17"/>
      <c r="H16" s="12"/>
      <c r="I16" s="10"/>
      <c r="J16" s="17"/>
      <c r="K16" s="17"/>
      <c r="L16" s="12"/>
    </row>
    <row r="17" spans="1:12" ht="17.100000000000001" customHeight="1" x14ac:dyDescent="0.15">
      <c r="A17" s="10" t="s">
        <v>0</v>
      </c>
      <c r="B17" s="11"/>
      <c r="C17" s="11"/>
      <c r="D17" s="12"/>
      <c r="E17" s="10" t="s">
        <v>0</v>
      </c>
      <c r="F17" s="11"/>
      <c r="G17" s="11"/>
      <c r="H17" s="12"/>
      <c r="I17" s="10" t="s">
        <v>0</v>
      </c>
      <c r="J17" s="11"/>
      <c r="K17" s="11"/>
      <c r="L17" s="12"/>
    </row>
    <row r="18" spans="1:12" ht="17.100000000000001" customHeight="1" x14ac:dyDescent="0.15">
      <c r="A18" s="10"/>
      <c r="B18" s="11"/>
      <c r="C18" s="11"/>
      <c r="D18" s="12"/>
      <c r="E18" s="10"/>
      <c r="F18" s="11"/>
      <c r="G18" s="11"/>
      <c r="H18" s="12"/>
      <c r="I18" s="10"/>
      <c r="J18" s="11"/>
      <c r="K18" s="11"/>
      <c r="L18" s="12"/>
    </row>
    <row r="19" spans="1:12" ht="17.100000000000001" customHeight="1" x14ac:dyDescent="0.15">
      <c r="A19" s="4"/>
      <c r="C19" s="13"/>
      <c r="D19" s="14"/>
      <c r="E19" s="4"/>
      <c r="G19" s="13"/>
      <c r="H19" s="14"/>
      <c r="I19" s="4"/>
      <c r="K19" s="13"/>
      <c r="L19" s="14"/>
    </row>
    <row r="20" spans="1:12" ht="17.100000000000001" customHeight="1" x14ac:dyDescent="0.15">
      <c r="A20" s="5"/>
      <c r="B20" s="6"/>
      <c r="C20" s="15"/>
      <c r="D20" s="16"/>
      <c r="E20" s="5"/>
      <c r="F20" s="6"/>
      <c r="G20" s="15"/>
      <c r="H20" s="16"/>
      <c r="I20" s="5"/>
      <c r="J20" s="6"/>
      <c r="K20" s="15"/>
      <c r="L20" s="16"/>
    </row>
    <row r="21" spans="1:12" ht="17.100000000000001" customHeight="1" x14ac:dyDescent="0.15">
      <c r="A21" s="1"/>
      <c r="B21" s="2"/>
      <c r="C21" s="2"/>
      <c r="D21" s="3"/>
      <c r="E21" s="1"/>
      <c r="F21" s="2"/>
      <c r="G21" s="2"/>
      <c r="H21" s="3"/>
      <c r="I21" s="1"/>
      <c r="J21" s="2"/>
      <c r="K21" s="2"/>
      <c r="L21" s="3"/>
    </row>
    <row r="22" spans="1:12" ht="17.100000000000001" customHeight="1" x14ac:dyDescent="0.15">
      <c r="A22" s="7" t="s">
        <v>1</v>
      </c>
      <c r="B22" s="8"/>
      <c r="C22" s="8"/>
      <c r="D22" s="9"/>
      <c r="E22" s="7" t="s">
        <v>1</v>
      </c>
      <c r="F22" s="8"/>
      <c r="G22" s="8"/>
      <c r="H22" s="9"/>
      <c r="I22" s="7" t="s">
        <v>1</v>
      </c>
      <c r="J22" s="8"/>
      <c r="K22" s="8"/>
      <c r="L22" s="9"/>
    </row>
    <row r="23" spans="1:12" ht="17.100000000000001" customHeight="1" x14ac:dyDescent="0.15">
      <c r="A23" s="7"/>
      <c r="B23" s="8"/>
      <c r="C23" s="8"/>
      <c r="D23" s="9"/>
      <c r="E23" s="7"/>
      <c r="F23" s="8"/>
      <c r="G23" s="8"/>
      <c r="H23" s="9"/>
      <c r="I23" s="7"/>
      <c r="J23" s="8"/>
      <c r="K23" s="8"/>
      <c r="L23" s="9"/>
    </row>
    <row r="24" spans="1:12" ht="17.100000000000001" customHeight="1" x14ac:dyDescent="0.15">
      <c r="A24" s="10" t="s">
        <v>2</v>
      </c>
      <c r="B24" s="17"/>
      <c r="C24" s="17"/>
      <c r="D24" s="12"/>
      <c r="E24" s="10" t="s">
        <v>2</v>
      </c>
      <c r="F24" s="17"/>
      <c r="G24" s="17"/>
      <c r="H24" s="12"/>
      <c r="I24" s="10" t="s">
        <v>2</v>
      </c>
      <c r="J24" s="17"/>
      <c r="K24" s="17"/>
      <c r="L24" s="12"/>
    </row>
    <row r="25" spans="1:12" ht="17.100000000000001" customHeight="1" x14ac:dyDescent="0.15">
      <c r="A25" s="10"/>
      <c r="B25" s="17"/>
      <c r="C25" s="17"/>
      <c r="D25" s="12"/>
      <c r="E25" s="10"/>
      <c r="F25" s="17"/>
      <c r="G25" s="17"/>
      <c r="H25" s="12"/>
      <c r="I25" s="10"/>
      <c r="J25" s="17"/>
      <c r="K25" s="17"/>
      <c r="L25" s="12"/>
    </row>
    <row r="26" spans="1:12" ht="17.100000000000001" customHeight="1" x14ac:dyDescent="0.15">
      <c r="A26" s="10"/>
      <c r="B26" s="17"/>
      <c r="C26" s="17"/>
      <c r="D26" s="12"/>
      <c r="E26" s="10"/>
      <c r="F26" s="17"/>
      <c r="G26" s="17"/>
      <c r="H26" s="12"/>
      <c r="I26" s="10"/>
      <c r="J26" s="17"/>
      <c r="K26" s="17"/>
      <c r="L26" s="12"/>
    </row>
    <row r="27" spans="1:12" ht="17.100000000000001" customHeight="1" x14ac:dyDescent="0.15">
      <c r="A27" s="10" t="s">
        <v>0</v>
      </c>
      <c r="B27" s="11"/>
      <c r="C27" s="11"/>
      <c r="D27" s="12"/>
      <c r="E27" s="10" t="s">
        <v>0</v>
      </c>
      <c r="F27" s="11"/>
      <c r="G27" s="11"/>
      <c r="H27" s="12"/>
      <c r="I27" s="10" t="s">
        <v>0</v>
      </c>
      <c r="J27" s="11"/>
      <c r="K27" s="11"/>
      <c r="L27" s="12"/>
    </row>
    <row r="28" spans="1:12" ht="17.100000000000001" customHeight="1" x14ac:dyDescent="0.15">
      <c r="A28" s="10"/>
      <c r="B28" s="11"/>
      <c r="C28" s="11"/>
      <c r="D28" s="12"/>
      <c r="E28" s="10"/>
      <c r="F28" s="11"/>
      <c r="G28" s="11"/>
      <c r="H28" s="12"/>
      <c r="I28" s="10"/>
      <c r="J28" s="11"/>
      <c r="K28" s="11"/>
      <c r="L28" s="12"/>
    </row>
    <row r="29" spans="1:12" ht="17.100000000000001" customHeight="1" x14ac:dyDescent="0.15">
      <c r="A29" s="4"/>
      <c r="C29" s="13"/>
      <c r="D29" s="14"/>
      <c r="E29" s="4"/>
      <c r="G29" s="13"/>
      <c r="H29" s="14"/>
      <c r="I29" s="4"/>
      <c r="K29" s="13"/>
      <c r="L29" s="14"/>
    </row>
    <row r="30" spans="1:12" ht="17.100000000000001" customHeight="1" x14ac:dyDescent="0.15">
      <c r="A30" s="5"/>
      <c r="B30" s="6"/>
      <c r="C30" s="15"/>
      <c r="D30" s="16"/>
      <c r="E30" s="5"/>
      <c r="F30" s="6"/>
      <c r="G30" s="15"/>
      <c r="H30" s="16"/>
      <c r="I30" s="5"/>
      <c r="J30" s="6"/>
      <c r="K30" s="15"/>
      <c r="L30" s="16"/>
    </row>
    <row r="33" spans="1:12" ht="17.100000000000001" customHeight="1" x14ac:dyDescent="0.15">
      <c r="A33" s="1"/>
      <c r="B33" s="2"/>
      <c r="C33" s="2"/>
      <c r="D33" s="3"/>
      <c r="E33" s="1"/>
      <c r="F33" s="2"/>
      <c r="G33" s="2"/>
      <c r="H33" s="3"/>
      <c r="I33" s="1"/>
      <c r="J33" s="2"/>
      <c r="K33" s="2"/>
      <c r="L33" s="3"/>
    </row>
    <row r="34" spans="1:12" ht="17.100000000000001" customHeight="1" x14ac:dyDescent="0.15">
      <c r="A34" s="7" t="s">
        <v>1</v>
      </c>
      <c r="B34" s="8"/>
      <c r="C34" s="8"/>
      <c r="D34" s="9"/>
      <c r="E34" s="7" t="s">
        <v>1</v>
      </c>
      <c r="F34" s="8"/>
      <c r="G34" s="8"/>
      <c r="H34" s="9"/>
      <c r="I34" s="7" t="s">
        <v>1</v>
      </c>
      <c r="J34" s="8"/>
      <c r="K34" s="8"/>
      <c r="L34" s="9"/>
    </row>
    <row r="35" spans="1:12" ht="17.100000000000001" customHeight="1" x14ac:dyDescent="0.15">
      <c r="A35" s="7"/>
      <c r="B35" s="8"/>
      <c r="C35" s="8"/>
      <c r="D35" s="9"/>
      <c r="E35" s="7"/>
      <c r="F35" s="8"/>
      <c r="G35" s="8"/>
      <c r="H35" s="9"/>
      <c r="I35" s="7"/>
      <c r="J35" s="8"/>
      <c r="K35" s="8"/>
      <c r="L35" s="9"/>
    </row>
    <row r="36" spans="1:12" ht="17.100000000000001" customHeight="1" x14ac:dyDescent="0.15">
      <c r="A36" s="10" t="s">
        <v>2</v>
      </c>
      <c r="B36" s="17"/>
      <c r="C36" s="17"/>
      <c r="D36" s="12"/>
      <c r="E36" s="10" t="s">
        <v>2</v>
      </c>
      <c r="F36" s="17"/>
      <c r="G36" s="17"/>
      <c r="H36" s="12"/>
      <c r="I36" s="10" t="s">
        <v>2</v>
      </c>
      <c r="J36" s="17"/>
      <c r="K36" s="17"/>
      <c r="L36" s="12"/>
    </row>
    <row r="37" spans="1:12" ht="17.100000000000001" customHeight="1" x14ac:dyDescent="0.15">
      <c r="A37" s="10"/>
      <c r="B37" s="17"/>
      <c r="C37" s="17"/>
      <c r="D37" s="12"/>
      <c r="E37" s="10"/>
      <c r="F37" s="17"/>
      <c r="G37" s="17"/>
      <c r="H37" s="12"/>
      <c r="I37" s="10"/>
      <c r="J37" s="17"/>
      <c r="K37" s="17"/>
      <c r="L37" s="12"/>
    </row>
    <row r="38" spans="1:12" ht="17.100000000000001" customHeight="1" x14ac:dyDescent="0.15">
      <c r="A38" s="10"/>
      <c r="B38" s="17"/>
      <c r="C38" s="17"/>
      <c r="D38" s="12"/>
      <c r="E38" s="10"/>
      <c r="F38" s="17"/>
      <c r="G38" s="17"/>
      <c r="H38" s="12"/>
      <c r="I38" s="10"/>
      <c r="J38" s="17"/>
      <c r="K38" s="17"/>
      <c r="L38" s="12"/>
    </row>
    <row r="39" spans="1:12" ht="17.100000000000001" customHeight="1" x14ac:dyDescent="0.15">
      <c r="A39" s="10" t="s">
        <v>0</v>
      </c>
      <c r="B39" s="11"/>
      <c r="C39" s="11"/>
      <c r="D39" s="12"/>
      <c r="E39" s="10" t="s">
        <v>0</v>
      </c>
      <c r="F39" s="11"/>
      <c r="G39" s="11"/>
      <c r="H39" s="12"/>
      <c r="I39" s="10" t="s">
        <v>0</v>
      </c>
      <c r="J39" s="11"/>
      <c r="K39" s="11"/>
      <c r="L39" s="12"/>
    </row>
    <row r="40" spans="1:12" ht="17.100000000000001" customHeight="1" x14ac:dyDescent="0.15">
      <c r="A40" s="10"/>
      <c r="B40" s="11"/>
      <c r="C40" s="11"/>
      <c r="D40" s="12"/>
      <c r="E40" s="10"/>
      <c r="F40" s="11"/>
      <c r="G40" s="11"/>
      <c r="H40" s="12"/>
      <c r="I40" s="10"/>
      <c r="J40" s="11"/>
      <c r="K40" s="11"/>
      <c r="L40" s="12"/>
    </row>
    <row r="41" spans="1:12" ht="17.100000000000001" customHeight="1" x14ac:dyDescent="0.15">
      <c r="A41" s="4"/>
      <c r="C41" s="13"/>
      <c r="D41" s="14"/>
      <c r="E41" s="4"/>
      <c r="G41" s="13"/>
      <c r="H41" s="14"/>
      <c r="I41" s="4"/>
      <c r="K41" s="13"/>
      <c r="L41" s="14"/>
    </row>
    <row r="42" spans="1:12" ht="17.100000000000001" customHeight="1" x14ac:dyDescent="0.15">
      <c r="A42" s="5"/>
      <c r="B42" s="6"/>
      <c r="C42" s="15"/>
      <c r="D42" s="16"/>
      <c r="E42" s="5"/>
      <c r="F42" s="6"/>
      <c r="G42" s="15"/>
      <c r="H42" s="16"/>
      <c r="I42" s="5"/>
      <c r="J42" s="6"/>
      <c r="K42" s="15"/>
      <c r="L42" s="16"/>
    </row>
    <row r="43" spans="1:12" ht="17.100000000000001" customHeight="1" x14ac:dyDescent="0.15">
      <c r="A43" s="1"/>
      <c r="B43" s="2"/>
      <c r="C43" s="2"/>
      <c r="D43" s="3"/>
      <c r="E43" s="1"/>
      <c r="F43" s="2"/>
      <c r="G43" s="2"/>
      <c r="H43" s="3"/>
      <c r="I43" s="1"/>
      <c r="J43" s="2"/>
      <c r="K43" s="2"/>
      <c r="L43" s="3"/>
    </row>
    <row r="44" spans="1:12" ht="17.100000000000001" customHeight="1" x14ac:dyDescent="0.15">
      <c r="A44" s="7" t="s">
        <v>1</v>
      </c>
      <c r="B44" s="8"/>
      <c r="C44" s="8"/>
      <c r="D44" s="9"/>
      <c r="E44" s="7" t="s">
        <v>1</v>
      </c>
      <c r="F44" s="8"/>
      <c r="G44" s="8"/>
      <c r="H44" s="9"/>
      <c r="I44" s="7" t="s">
        <v>1</v>
      </c>
      <c r="J44" s="8"/>
      <c r="K44" s="8"/>
      <c r="L44" s="9"/>
    </row>
    <row r="45" spans="1:12" ht="17.100000000000001" customHeight="1" x14ac:dyDescent="0.15">
      <c r="A45" s="7"/>
      <c r="B45" s="8"/>
      <c r="C45" s="8"/>
      <c r="D45" s="9"/>
      <c r="E45" s="7"/>
      <c r="F45" s="8"/>
      <c r="G45" s="8"/>
      <c r="H45" s="9"/>
      <c r="I45" s="7"/>
      <c r="J45" s="8"/>
      <c r="K45" s="8"/>
      <c r="L45" s="9"/>
    </row>
    <row r="46" spans="1:12" ht="17.100000000000001" customHeight="1" x14ac:dyDescent="0.15">
      <c r="A46" s="10" t="s">
        <v>2</v>
      </c>
      <c r="B46" s="17"/>
      <c r="C46" s="17"/>
      <c r="D46" s="12"/>
      <c r="E46" s="10" t="s">
        <v>2</v>
      </c>
      <c r="F46" s="17"/>
      <c r="G46" s="17"/>
      <c r="H46" s="12"/>
      <c r="I46" s="10" t="s">
        <v>2</v>
      </c>
      <c r="J46" s="17"/>
      <c r="K46" s="17"/>
      <c r="L46" s="12"/>
    </row>
    <row r="47" spans="1:12" ht="17.100000000000001" customHeight="1" x14ac:dyDescent="0.15">
      <c r="A47" s="10"/>
      <c r="B47" s="17"/>
      <c r="C47" s="17"/>
      <c r="D47" s="12"/>
      <c r="E47" s="10"/>
      <c r="F47" s="17"/>
      <c r="G47" s="17"/>
      <c r="H47" s="12"/>
      <c r="I47" s="10"/>
      <c r="J47" s="17"/>
      <c r="K47" s="17"/>
      <c r="L47" s="12"/>
    </row>
    <row r="48" spans="1:12" ht="17.100000000000001" customHeight="1" x14ac:dyDescent="0.15">
      <c r="A48" s="10"/>
      <c r="B48" s="17"/>
      <c r="C48" s="17"/>
      <c r="D48" s="12"/>
      <c r="E48" s="10"/>
      <c r="F48" s="17"/>
      <c r="G48" s="17"/>
      <c r="H48" s="12"/>
      <c r="I48" s="10"/>
      <c r="J48" s="17"/>
      <c r="K48" s="17"/>
      <c r="L48" s="12"/>
    </row>
    <row r="49" spans="1:12" ht="17.100000000000001" customHeight="1" x14ac:dyDescent="0.15">
      <c r="A49" s="10" t="s">
        <v>0</v>
      </c>
      <c r="B49" s="11"/>
      <c r="C49" s="11"/>
      <c r="D49" s="12"/>
      <c r="E49" s="10" t="s">
        <v>0</v>
      </c>
      <c r="F49" s="11"/>
      <c r="G49" s="11"/>
      <c r="H49" s="12"/>
      <c r="I49" s="10" t="s">
        <v>0</v>
      </c>
      <c r="J49" s="11"/>
      <c r="K49" s="11"/>
      <c r="L49" s="12"/>
    </row>
    <row r="50" spans="1:12" ht="17.100000000000001" customHeight="1" x14ac:dyDescent="0.15">
      <c r="A50" s="10"/>
      <c r="B50" s="11"/>
      <c r="C50" s="11"/>
      <c r="D50" s="12"/>
      <c r="E50" s="10"/>
      <c r="F50" s="11"/>
      <c r="G50" s="11"/>
      <c r="H50" s="12"/>
      <c r="I50" s="10"/>
      <c r="J50" s="11"/>
      <c r="K50" s="11"/>
      <c r="L50" s="12"/>
    </row>
    <row r="51" spans="1:12" ht="17.100000000000001" customHeight="1" x14ac:dyDescent="0.15">
      <c r="A51" s="4"/>
      <c r="C51" s="13"/>
      <c r="D51" s="14"/>
      <c r="E51" s="4"/>
      <c r="G51" s="13"/>
      <c r="H51" s="14"/>
      <c r="I51" s="4"/>
      <c r="K51" s="13"/>
      <c r="L51" s="14"/>
    </row>
    <row r="52" spans="1:12" ht="17.100000000000001" customHeight="1" x14ac:dyDescent="0.15">
      <c r="A52" s="5"/>
      <c r="B52" s="6"/>
      <c r="C52" s="15"/>
      <c r="D52" s="16"/>
      <c r="E52" s="5"/>
      <c r="F52" s="6"/>
      <c r="G52" s="15"/>
      <c r="H52" s="16"/>
      <c r="I52" s="5"/>
      <c r="J52" s="6"/>
      <c r="K52" s="15"/>
      <c r="L52" s="16"/>
    </row>
    <row r="53" spans="1:12" x14ac:dyDescent="0.15">
      <c r="A53" s="2"/>
      <c r="B53" s="2"/>
      <c r="C53" s="2"/>
      <c r="D53" s="2"/>
      <c r="E53" s="2"/>
      <c r="F53" s="2"/>
      <c r="G53" s="2"/>
      <c r="H53" s="2"/>
      <c r="I53" s="2"/>
      <c r="J53" s="2"/>
      <c r="K53" s="2"/>
      <c r="L53" s="2"/>
    </row>
    <row r="54" spans="1:12" x14ac:dyDescent="0.15">
      <c r="A54" s="8"/>
      <c r="B54" s="8"/>
      <c r="C54" s="8"/>
      <c r="D54" s="8"/>
      <c r="E54" s="8"/>
      <c r="F54" s="8"/>
      <c r="G54" s="8"/>
      <c r="H54" s="8"/>
      <c r="I54" s="8"/>
      <c r="J54" s="8"/>
      <c r="K54" s="8"/>
      <c r="L54" s="8"/>
    </row>
    <row r="55" spans="1:12" x14ac:dyDescent="0.15">
      <c r="A55" s="8"/>
      <c r="B55" s="8"/>
      <c r="C55" s="8"/>
      <c r="D55" s="8"/>
      <c r="E55" s="8"/>
      <c r="F55" s="8"/>
      <c r="G55" s="8"/>
      <c r="H55" s="8"/>
      <c r="I55" s="8"/>
      <c r="J55" s="8"/>
      <c r="K55" s="8"/>
      <c r="L55" s="8"/>
    </row>
    <row r="57" spans="1:12" x14ac:dyDescent="0.15">
      <c r="A57" s="18"/>
      <c r="B57" s="18"/>
      <c r="C57" s="18"/>
      <c r="D57" s="18"/>
      <c r="E57" s="18"/>
      <c r="F57" s="18"/>
      <c r="G57" s="18"/>
      <c r="H57" s="18"/>
      <c r="I57" s="18"/>
      <c r="J57" s="18"/>
      <c r="K57" s="18"/>
      <c r="L57" s="18"/>
    </row>
    <row r="59" spans="1:12" x14ac:dyDescent="0.15">
      <c r="A59" s="11"/>
      <c r="B59" s="11"/>
      <c r="C59" s="11"/>
      <c r="D59" s="11"/>
      <c r="E59" s="11"/>
      <c r="F59" s="11"/>
      <c r="G59" s="11"/>
      <c r="H59" s="11"/>
      <c r="I59" s="11"/>
      <c r="J59" s="11"/>
      <c r="K59" s="11"/>
      <c r="L59" s="11"/>
    </row>
    <row r="60" spans="1:12" x14ac:dyDescent="0.15">
      <c r="A60" s="11"/>
      <c r="B60" s="11"/>
      <c r="C60" s="11"/>
      <c r="D60" s="11"/>
      <c r="E60" s="11"/>
      <c r="F60" s="11"/>
      <c r="G60" s="11"/>
      <c r="H60" s="11"/>
      <c r="I60" s="11"/>
      <c r="J60" s="11"/>
      <c r="K60" s="11"/>
      <c r="L60" s="11"/>
    </row>
    <row r="61" spans="1:12" x14ac:dyDescent="0.15">
      <c r="C61" s="13"/>
      <c r="D61" s="13"/>
      <c r="G61" s="13"/>
      <c r="H61" s="13"/>
      <c r="K61" s="13"/>
      <c r="L61" s="13"/>
    </row>
    <row r="62" spans="1:12" x14ac:dyDescent="0.15">
      <c r="C62" s="13"/>
      <c r="D62" s="13"/>
      <c r="G62" s="13"/>
      <c r="H62" s="13"/>
      <c r="K62" s="13"/>
      <c r="L62" s="13"/>
    </row>
  </sheetData>
  <mergeCells count="72">
    <mergeCell ref="A59:D60"/>
    <mergeCell ref="E59:H60"/>
    <mergeCell ref="I59:L60"/>
    <mergeCell ref="C61:D62"/>
    <mergeCell ref="G61:H62"/>
    <mergeCell ref="K61:L62"/>
    <mergeCell ref="A54:D55"/>
    <mergeCell ref="E54:H55"/>
    <mergeCell ref="I54:L55"/>
    <mergeCell ref="A57:D57"/>
    <mergeCell ref="E57:H57"/>
    <mergeCell ref="I57:L57"/>
    <mergeCell ref="A49:D50"/>
    <mergeCell ref="E49:H50"/>
    <mergeCell ref="I49:L50"/>
    <mergeCell ref="C51:D52"/>
    <mergeCell ref="G51:H52"/>
    <mergeCell ref="K51:L52"/>
    <mergeCell ref="A44:D45"/>
    <mergeCell ref="E44:H45"/>
    <mergeCell ref="I44:L45"/>
    <mergeCell ref="A46:D48"/>
    <mergeCell ref="E46:H48"/>
    <mergeCell ref="I46:L48"/>
    <mergeCell ref="A39:D40"/>
    <mergeCell ref="E39:H40"/>
    <mergeCell ref="I39:L40"/>
    <mergeCell ref="C41:D42"/>
    <mergeCell ref="G41:H42"/>
    <mergeCell ref="K41:L42"/>
    <mergeCell ref="A34:D35"/>
    <mergeCell ref="E34:H35"/>
    <mergeCell ref="I34:L35"/>
    <mergeCell ref="A36:D38"/>
    <mergeCell ref="E36:H38"/>
    <mergeCell ref="I36:L38"/>
    <mergeCell ref="A12:D13"/>
    <mergeCell ref="A17:D18"/>
    <mergeCell ref="C19:D20"/>
    <mergeCell ref="E12:H13"/>
    <mergeCell ref="E17:H18"/>
    <mergeCell ref="G19:H20"/>
    <mergeCell ref="A14:D16"/>
    <mergeCell ref="E14:H16"/>
    <mergeCell ref="E22:H23"/>
    <mergeCell ref="E27:H28"/>
    <mergeCell ref="G29:H30"/>
    <mergeCell ref="A22:D23"/>
    <mergeCell ref="A27:D28"/>
    <mergeCell ref="C29:D30"/>
    <mergeCell ref="A24:D26"/>
    <mergeCell ref="E24:H26"/>
    <mergeCell ref="K29:L30"/>
    <mergeCell ref="I2:L3"/>
    <mergeCell ref="I7:L8"/>
    <mergeCell ref="K9:L10"/>
    <mergeCell ref="I12:L13"/>
    <mergeCell ref="I17:L18"/>
    <mergeCell ref="K19:L20"/>
    <mergeCell ref="I22:L23"/>
    <mergeCell ref="I27:L28"/>
    <mergeCell ref="I4:L6"/>
    <mergeCell ref="I14:L16"/>
    <mergeCell ref="I24:L26"/>
    <mergeCell ref="A2:D3"/>
    <mergeCell ref="A7:D8"/>
    <mergeCell ref="C9:D10"/>
    <mergeCell ref="E2:H3"/>
    <mergeCell ref="E7:H8"/>
    <mergeCell ref="G9:H10"/>
    <mergeCell ref="A4:D6"/>
    <mergeCell ref="E4:H6"/>
  </mergeCells>
  <phoneticPr fontId="1"/>
  <pageMargins left="0.7" right="0.7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稲垣秀樹</dc:creator>
  <cp:lastModifiedBy>永田　智久</cp:lastModifiedBy>
  <cp:lastPrinted>2022-12-08T03:22:42Z</cp:lastPrinted>
  <dcterms:created xsi:type="dcterms:W3CDTF">2020-09-28T01:39:49Z</dcterms:created>
  <dcterms:modified xsi:type="dcterms:W3CDTF">2023-05-20T03:38:10Z</dcterms:modified>
</cp:coreProperties>
</file>